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626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107- Myjki do mycia pacjentów\Zaproszenie z załacznikami\"/>
    </mc:Choice>
  </mc:AlternateContent>
  <xr:revisionPtr revIDLastSave="0" documentId="13_ncr:1_{8B9EE53D-788E-4F66-9A9F-F600791968F5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I33" i="1" l="1"/>
  <c r="I19" i="1"/>
  <c r="I6" i="1"/>
  <c r="I7" i="1" s="1"/>
  <c r="K6" i="1" l="1"/>
  <c r="K8" i="1" s="1"/>
  <c r="M6" i="1"/>
  <c r="L6" i="1" s="1"/>
  <c r="K33" i="1"/>
  <c r="K35" i="1" s="1"/>
  <c r="I34" i="1"/>
  <c r="K19" i="1"/>
  <c r="K21" i="1" s="1"/>
  <c r="I20" i="1"/>
  <c r="M33" i="1" l="1"/>
  <c r="M36" i="1" s="1"/>
  <c r="M9" i="1"/>
  <c r="M19" i="1"/>
  <c r="L33" i="1" l="1"/>
  <c r="M22" i="1"/>
  <c r="L19" i="1"/>
</calcChain>
</file>

<file path=xl/sharedStrings.xml><?xml version="1.0" encoding="utf-8"?>
<sst xmlns="http://schemas.openxmlformats.org/spreadsheetml/2006/main" count="102" uniqueCount="38">
  <si>
    <t xml:space="preserve">Załącznik nr 2 do Zaproszenia </t>
  </si>
  <si>
    <t>część nr 3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 xml:space="preserve"> Klasa medyczna produktu - jeżeli dotyczy, nr katalogowy, producent,  nazwa handlowa (tożsama z nazwą, która będzie widniała na fakturze)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>WZÓR FORMULARZA CENOWEGO - DZPZ/ 333/ 107 / 2023</t>
  </si>
  <si>
    <t>część nr 1</t>
  </si>
  <si>
    <t>Myjka do mycia ciała pacjenta. Nasączona mydłem, do użytku sanitarnego, jednorazowego użytku – gotowa do użycia od razu po wyjęciu z opakowania. Zwężana w nadgarstku, zgrzewana termicznie. Wykonana z dwóch warstw: przednia: podkłady watolinowe + środek myjący o neutralnym pH 5.5; tylna: podkłady watolinowe. wykonana z włókniny 100g/m2, wymiary: 23-25 x 16-18 cm (+/- 0,5 cm)</t>
  </si>
  <si>
    <t>Czepek do mycia głowy bez wody antybakteryjny jednorazowy</t>
  </si>
  <si>
    <t>szt.</t>
  </si>
  <si>
    <t>część nr 2</t>
  </si>
  <si>
    <t>Wilgotne rękawiczki nasączone preparatem antybakteryjnym,opakowanie jednostkowe może zawierać od 8 do 12 szt rękawiczek do toalety całego pacjenta. Rękawice mają zawierać środek antybakteryjny skuteczny przeciwko takim patogenom jak: Staphylococcus aureus, Enterococcus hirae, Pseudomonas aeruginosa, Methicillin-Resistant Staphylococcus Aureus, (MRSA), Klebsiella pneumoniae (ESBL), Enterococcus faecium (VRE) i Candida albicans (działanie przeciwgrzybicze). Rękawice mają zawierasć witaminę E, prowitaminę B5 oraz wyciągi ziołowe, jest także wolne od alkoholu i lanoliny (pH 5,5).Rękawice można podgrzewać w kuchence mikrofalowej. Zamawiający dopuszcza wycenę na opakowania z dokładnym przeliczeniem wymaganej ilości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415]General"/>
    <numFmt numFmtId="165" formatCode="#,##0.00\ &quot;zł&quot;"/>
  </numFmts>
  <fonts count="10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b/>
      <sz val="9"/>
      <name val="Arial CE"/>
      <charset val="238"/>
    </font>
    <font>
      <sz val="10"/>
      <color rgb="FF000000"/>
      <name val="Liberation Sans1"/>
      <charset val="238"/>
    </font>
    <font>
      <sz val="11"/>
      <color rgb="FF000000"/>
      <name val="Calibri"/>
      <family val="2"/>
      <charset val="238"/>
    </font>
    <font>
      <sz val="10"/>
      <color rgb="FF000000"/>
      <name val="Arial"/>
      <family val="2"/>
      <charset val="238"/>
    </font>
    <font>
      <b/>
      <sz val="12"/>
      <color rgb="FF002060"/>
      <name val="Arial"/>
      <family val="2"/>
      <charset val="238"/>
    </font>
    <font>
      <b/>
      <sz val="9"/>
      <color indexed="17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theme="0"/>
        <bgColor rgb="FFFFFF00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6" fillId="0" borderId="0" applyBorder="0" applyProtection="0"/>
  </cellStyleXfs>
  <cellXfs count="61">
    <xf numFmtId="0" fontId="0" fillId="0" borderId="0" xfId="0"/>
    <xf numFmtId="0" fontId="3" fillId="2" borderId="15" xfId="0" applyFont="1" applyFill="1" applyBorder="1"/>
    <xf numFmtId="0" fontId="3" fillId="2" borderId="16" xfId="0" applyFont="1" applyFill="1" applyBorder="1" applyAlignment="1">
      <alignment horizontal="center"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0" xfId="0" applyFont="1" applyFill="1" applyBorder="1" applyAlignment="1">
      <alignment horizontal="center" vertical="center" wrapText="1"/>
    </xf>
    <xf numFmtId="0" fontId="2" fillId="0" borderId="21" xfId="0" applyFont="1" applyBorder="1" applyAlignment="1">
      <alignment horizontal="center" vertical="center" wrapText="1"/>
    </xf>
    <xf numFmtId="0" fontId="4" fillId="0" borderId="21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5" fillId="3" borderId="23" xfId="0" applyFont="1" applyFill="1" applyBorder="1" applyAlignment="1">
      <alignment vertical="center" wrapText="1"/>
    </xf>
    <xf numFmtId="164" fontId="7" fillId="0" borderId="24" xfId="2" applyFont="1" applyBorder="1" applyAlignment="1">
      <alignment horizontal="center" vertical="center" wrapText="1"/>
    </xf>
    <xf numFmtId="164" fontId="7" fillId="4" borderId="25" xfId="2" applyFont="1" applyFill="1" applyBorder="1" applyAlignment="1">
      <alignment horizontal="center" vertical="center" wrapText="1"/>
    </xf>
    <xf numFmtId="165" fontId="3" fillId="0" borderId="22" xfId="0" applyNumberFormat="1" applyFont="1" applyBorder="1" applyAlignment="1">
      <alignment horizontal="center" vertical="center" wrapText="1"/>
    </xf>
    <xf numFmtId="9" fontId="3" fillId="0" borderId="22" xfId="1" applyFont="1" applyBorder="1" applyAlignment="1">
      <alignment horizontal="center" vertical="center" wrapText="1"/>
    </xf>
    <xf numFmtId="165" fontId="3" fillId="5" borderId="26" xfId="0" applyNumberFormat="1" applyFont="1" applyFill="1" applyBorder="1" applyAlignment="1">
      <alignment horizontal="center" vertical="center" wrapText="1"/>
    </xf>
    <xf numFmtId="165" fontId="3" fillId="0" borderId="26" xfId="0" applyNumberFormat="1" applyFont="1" applyBorder="1" applyAlignment="1">
      <alignment horizontal="center" vertical="center" wrapText="1"/>
    </xf>
    <xf numFmtId="165" fontId="3" fillId="0" borderId="21" xfId="0" applyNumberFormat="1" applyFont="1" applyBorder="1" applyAlignment="1">
      <alignment vertical="center" wrapText="1"/>
    </xf>
    <xf numFmtId="0" fontId="3" fillId="0" borderId="21" xfId="0" applyFont="1" applyBorder="1"/>
    <xf numFmtId="165" fontId="3" fillId="6" borderId="21" xfId="0" applyNumberFormat="1" applyFont="1" applyFill="1" applyBorder="1" applyAlignment="1">
      <alignment horizontal="center" vertical="center" wrapText="1"/>
    </xf>
    <xf numFmtId="165" fontId="3" fillId="0" borderId="21" xfId="0" applyNumberFormat="1" applyFont="1" applyBorder="1" applyAlignment="1">
      <alignment horizontal="center" vertical="center" wrapText="1"/>
    </xf>
    <xf numFmtId="165" fontId="3" fillId="7" borderId="21" xfId="0" applyNumberFormat="1" applyFont="1" applyFill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center" vertical="center" wrapText="1"/>
    </xf>
    <xf numFmtId="0" fontId="9" fillId="0" borderId="2" xfId="0" applyFont="1" applyBorder="1" applyAlignment="1">
      <alignment horizontal="center" vertical="center" wrapText="1"/>
    </xf>
    <xf numFmtId="0" fontId="9" fillId="0" borderId="3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9" fillId="0" borderId="8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wrapText="1"/>
    </xf>
    <xf numFmtId="0" fontId="3" fillId="0" borderId="2" xfId="0" applyFont="1" applyBorder="1" applyAlignment="1">
      <alignment horizontal="center" wrapText="1"/>
    </xf>
    <xf numFmtId="0" fontId="3" fillId="0" borderId="3" xfId="0" applyFont="1" applyBorder="1" applyAlignment="1">
      <alignment horizontal="center" wrapText="1"/>
    </xf>
    <xf numFmtId="0" fontId="3" fillId="0" borderId="7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4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9" fillId="0" borderId="4" xfId="0" applyFont="1" applyBorder="1" applyAlignment="1">
      <alignment horizontal="center" vertical="center" wrapText="1"/>
    </xf>
    <xf numFmtId="0" fontId="9" fillId="0" borderId="5" xfId="0" applyFont="1" applyBorder="1" applyAlignment="1">
      <alignment horizontal="center" vertical="center" wrapText="1"/>
    </xf>
    <xf numFmtId="0" fontId="9" fillId="0" borderId="6" xfId="0" applyFont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12" xfId="0" applyFont="1" applyBorder="1" applyAlignment="1">
      <alignment horizontal="center" vertic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</cellXfs>
  <cellStyles count="3">
    <cellStyle name="Excel Built-in Normal" xfId="2" xr:uid="{54A35F9B-F3D6-4E5F-8AAB-ECD59A3D6C5A}"/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1:M39"/>
  <sheetViews>
    <sheetView tabSelected="1" topLeftCell="A14" workbookViewId="0">
      <selection activeCell="E19" sqref="E19"/>
    </sheetView>
  </sheetViews>
  <sheetFormatPr defaultRowHeight="15"/>
  <cols>
    <col min="3" max="3" width="27.42578125" customWidth="1"/>
    <col min="4" max="4" width="16" customWidth="1"/>
    <col min="5" max="5" width="20" customWidth="1"/>
    <col min="12" max="13" width="10.5703125" customWidth="1"/>
  </cols>
  <sheetData>
    <row r="1" spans="2:13">
      <c r="B1" s="46" t="s">
        <v>31</v>
      </c>
      <c r="C1" s="47"/>
      <c r="D1" s="47"/>
      <c r="E1" s="47"/>
      <c r="F1" s="47"/>
      <c r="G1" s="47"/>
      <c r="H1" s="47"/>
      <c r="I1" s="48"/>
      <c r="J1" s="46" t="s">
        <v>0</v>
      </c>
      <c r="K1" s="47"/>
      <c r="L1" s="47"/>
      <c r="M1" s="48"/>
    </row>
    <row r="2" spans="2:13">
      <c r="B2" s="49"/>
      <c r="C2" s="50"/>
      <c r="D2" s="50"/>
      <c r="E2" s="50"/>
      <c r="F2" s="50"/>
      <c r="G2" s="50"/>
      <c r="H2" s="50"/>
      <c r="I2" s="51"/>
      <c r="J2" s="52"/>
      <c r="K2" s="53"/>
      <c r="L2" s="53"/>
      <c r="M2" s="54"/>
    </row>
    <row r="3" spans="2:13" ht="15.75" thickBot="1">
      <c r="B3" s="58" t="s">
        <v>32</v>
      </c>
      <c r="C3" s="59"/>
      <c r="D3" s="59"/>
      <c r="E3" s="59"/>
      <c r="F3" s="59"/>
      <c r="G3" s="59"/>
      <c r="H3" s="59"/>
      <c r="I3" s="60"/>
      <c r="J3" s="55"/>
      <c r="K3" s="56"/>
      <c r="L3" s="56"/>
      <c r="M3" s="57"/>
    </row>
    <row r="4" spans="2:13">
      <c r="B4" s="1"/>
      <c r="C4" s="2"/>
      <c r="D4" s="3" t="s">
        <v>2</v>
      </c>
      <c r="E4" s="3" t="s">
        <v>3</v>
      </c>
      <c r="F4" s="3" t="s">
        <v>4</v>
      </c>
      <c r="G4" s="3" t="s">
        <v>5</v>
      </c>
      <c r="H4" s="4" t="s">
        <v>6</v>
      </c>
      <c r="I4" s="5" t="s">
        <v>7</v>
      </c>
      <c r="J4" s="6" t="s">
        <v>8</v>
      </c>
      <c r="K4" s="3" t="s">
        <v>9</v>
      </c>
      <c r="L4" s="4" t="s">
        <v>10</v>
      </c>
      <c r="M4" s="5" t="s">
        <v>11</v>
      </c>
    </row>
    <row r="5" spans="2:13" ht="97.5" customHeight="1">
      <c r="B5" s="7" t="s">
        <v>12</v>
      </c>
      <c r="C5" s="7" t="s">
        <v>13</v>
      </c>
      <c r="D5" s="8" t="s">
        <v>14</v>
      </c>
      <c r="E5" s="7" t="s">
        <v>15</v>
      </c>
      <c r="F5" s="7" t="s">
        <v>16</v>
      </c>
      <c r="G5" s="7" t="s">
        <v>17</v>
      </c>
      <c r="H5" s="7" t="s">
        <v>18</v>
      </c>
      <c r="I5" s="7" t="s">
        <v>19</v>
      </c>
      <c r="J5" s="7" t="s">
        <v>20</v>
      </c>
      <c r="K5" s="7" t="s">
        <v>21</v>
      </c>
      <c r="L5" s="7" t="s">
        <v>22</v>
      </c>
      <c r="M5" s="7" t="s">
        <v>23</v>
      </c>
    </row>
    <row r="6" spans="2:13" ht="183.75" customHeight="1">
      <c r="B6" s="9" t="s">
        <v>24</v>
      </c>
      <c r="C6" s="10" t="s">
        <v>33</v>
      </c>
      <c r="D6" s="7"/>
      <c r="E6" s="7"/>
      <c r="F6" s="11" t="s">
        <v>35</v>
      </c>
      <c r="G6" s="12">
        <v>160000</v>
      </c>
      <c r="H6" s="13"/>
      <c r="I6" s="13">
        <f>ROUND(G6*H6,2)</f>
        <v>0</v>
      </c>
      <c r="J6" s="14"/>
      <c r="K6" s="13">
        <f>ROUND(I6*J6,2)</f>
        <v>0</v>
      </c>
      <c r="L6" s="13">
        <f>ROUND(M6/G6,2)</f>
        <v>0</v>
      </c>
      <c r="M6" s="13">
        <f>ROUND(SUM(I6,K6),2)</f>
        <v>0</v>
      </c>
    </row>
    <row r="7" spans="2:13" ht="24">
      <c r="B7" s="22"/>
      <c r="C7" s="23"/>
      <c r="D7" s="23"/>
      <c r="E7" s="23"/>
      <c r="F7" s="23"/>
      <c r="G7" s="24"/>
      <c r="H7" s="15" t="s">
        <v>25</v>
      </c>
      <c r="I7" s="15">
        <f>SUM(I6:I6)</f>
        <v>0</v>
      </c>
      <c r="J7" s="16"/>
      <c r="K7" s="16"/>
      <c r="L7" s="16"/>
      <c r="M7" s="16"/>
    </row>
    <row r="8" spans="2:13" ht="24">
      <c r="B8" s="22"/>
      <c r="C8" s="23"/>
      <c r="D8" s="23"/>
      <c r="E8" s="23"/>
      <c r="F8" s="23"/>
      <c r="G8" s="24"/>
      <c r="H8" s="17"/>
      <c r="I8" s="18"/>
      <c r="J8" s="19" t="s">
        <v>26</v>
      </c>
      <c r="K8" s="19">
        <f>SUM(K6:K7)</f>
        <v>0</v>
      </c>
      <c r="L8" s="20"/>
      <c r="M8" s="20"/>
    </row>
    <row r="9" spans="2:13" ht="24">
      <c r="B9" s="25"/>
      <c r="C9" s="26"/>
      <c r="D9" s="26"/>
      <c r="E9" s="26"/>
      <c r="F9" s="26"/>
      <c r="G9" s="27"/>
      <c r="H9" s="17"/>
      <c r="I9" s="20"/>
      <c r="J9" s="20"/>
      <c r="K9" s="20"/>
      <c r="L9" s="21" t="s">
        <v>27</v>
      </c>
      <c r="M9" s="21">
        <f>SUM(M6:M8)</f>
        <v>0</v>
      </c>
    </row>
    <row r="10" spans="2:13" ht="30" customHeight="1">
      <c r="B10" s="28" t="s">
        <v>28</v>
      </c>
      <c r="C10" s="29"/>
      <c r="D10" s="29"/>
      <c r="E10" s="29"/>
      <c r="F10" s="29"/>
      <c r="G10" s="29"/>
      <c r="H10" s="30"/>
      <c r="I10" s="34" t="s">
        <v>29</v>
      </c>
      <c r="J10" s="35"/>
      <c r="K10" s="35"/>
      <c r="L10" s="35"/>
      <c r="M10" s="36"/>
    </row>
    <row r="11" spans="2:13">
      <c r="B11" s="31"/>
      <c r="C11" s="32"/>
      <c r="D11" s="32"/>
      <c r="E11" s="32"/>
      <c r="F11" s="32"/>
      <c r="G11" s="32"/>
      <c r="H11" s="33"/>
      <c r="I11" s="37"/>
      <c r="J11" s="38"/>
      <c r="K11" s="38"/>
      <c r="L11" s="38"/>
      <c r="M11" s="39"/>
    </row>
    <row r="12" spans="2:13" ht="33.75" customHeight="1">
      <c r="B12" s="43" t="s">
        <v>30</v>
      </c>
      <c r="C12" s="44"/>
      <c r="D12" s="44"/>
      <c r="E12" s="44"/>
      <c r="F12" s="44"/>
      <c r="G12" s="44"/>
      <c r="H12" s="45"/>
      <c r="I12" s="40"/>
      <c r="J12" s="41"/>
      <c r="K12" s="41"/>
      <c r="L12" s="41"/>
      <c r="M12" s="42"/>
    </row>
    <row r="14" spans="2:13">
      <c r="B14" s="46" t="s">
        <v>31</v>
      </c>
      <c r="C14" s="47"/>
      <c r="D14" s="47"/>
      <c r="E14" s="47"/>
      <c r="F14" s="47"/>
      <c r="G14" s="47"/>
      <c r="H14" s="47"/>
      <c r="I14" s="48"/>
      <c r="J14" s="46" t="s">
        <v>0</v>
      </c>
      <c r="K14" s="47"/>
      <c r="L14" s="47"/>
      <c r="M14" s="48"/>
    </row>
    <row r="15" spans="2:13">
      <c r="B15" s="49"/>
      <c r="C15" s="50"/>
      <c r="D15" s="50"/>
      <c r="E15" s="50"/>
      <c r="F15" s="50"/>
      <c r="G15" s="50"/>
      <c r="H15" s="50"/>
      <c r="I15" s="51"/>
      <c r="J15" s="52"/>
      <c r="K15" s="53"/>
      <c r="L15" s="53"/>
      <c r="M15" s="54"/>
    </row>
    <row r="16" spans="2:13" ht="15.75" thickBot="1">
      <c r="B16" s="58" t="s">
        <v>36</v>
      </c>
      <c r="C16" s="59"/>
      <c r="D16" s="59"/>
      <c r="E16" s="59"/>
      <c r="F16" s="59"/>
      <c r="G16" s="59"/>
      <c r="H16" s="59"/>
      <c r="I16" s="60"/>
      <c r="J16" s="55"/>
      <c r="K16" s="56"/>
      <c r="L16" s="56"/>
      <c r="M16" s="57"/>
    </row>
    <row r="17" spans="2:13">
      <c r="B17" s="1"/>
      <c r="C17" s="2"/>
      <c r="D17" s="3" t="s">
        <v>2</v>
      </c>
      <c r="E17" s="3" t="s">
        <v>3</v>
      </c>
      <c r="F17" s="3" t="s">
        <v>4</v>
      </c>
      <c r="G17" s="3" t="s">
        <v>5</v>
      </c>
      <c r="H17" s="4" t="s">
        <v>6</v>
      </c>
      <c r="I17" s="5" t="s">
        <v>7</v>
      </c>
      <c r="J17" s="6" t="s">
        <v>8</v>
      </c>
      <c r="K17" s="3" t="s">
        <v>9</v>
      </c>
      <c r="L17" s="4" t="s">
        <v>10</v>
      </c>
      <c r="M17" s="5" t="s">
        <v>11</v>
      </c>
    </row>
    <row r="18" spans="2:13" ht="96">
      <c r="B18" s="7" t="s">
        <v>12</v>
      </c>
      <c r="C18" s="7" t="s">
        <v>13</v>
      </c>
      <c r="D18" s="8" t="s">
        <v>14</v>
      </c>
      <c r="E18" s="7" t="s">
        <v>15</v>
      </c>
      <c r="F18" s="7" t="s">
        <v>16</v>
      </c>
      <c r="G18" s="7" t="s">
        <v>17</v>
      </c>
      <c r="H18" s="7" t="s">
        <v>18</v>
      </c>
      <c r="I18" s="7" t="s">
        <v>19</v>
      </c>
      <c r="J18" s="7" t="s">
        <v>20</v>
      </c>
      <c r="K18" s="7" t="s">
        <v>21</v>
      </c>
      <c r="L18" s="7" t="s">
        <v>22</v>
      </c>
      <c r="M18" s="7" t="s">
        <v>23</v>
      </c>
    </row>
    <row r="19" spans="2:13" ht="395.25">
      <c r="B19" s="9" t="s">
        <v>24</v>
      </c>
      <c r="C19" s="10" t="s">
        <v>37</v>
      </c>
      <c r="D19" s="7"/>
      <c r="E19" s="7"/>
      <c r="F19" s="11" t="s">
        <v>35</v>
      </c>
      <c r="G19" s="12">
        <v>80000</v>
      </c>
      <c r="H19" s="13"/>
      <c r="I19" s="13">
        <f>ROUND(G19*H19,2)</f>
        <v>0</v>
      </c>
      <c r="J19" s="14"/>
      <c r="K19" s="13">
        <f>ROUND(I19*J19,2)</f>
        <v>0</v>
      </c>
      <c r="L19" s="13">
        <f>ROUND(M19/G19,2)</f>
        <v>0</v>
      </c>
      <c r="M19" s="13">
        <f>ROUND(SUM(I19,K19),2)</f>
        <v>0</v>
      </c>
    </row>
    <row r="20" spans="2:13" ht="24">
      <c r="B20" s="22"/>
      <c r="C20" s="23"/>
      <c r="D20" s="23"/>
      <c r="E20" s="23"/>
      <c r="F20" s="23"/>
      <c r="G20" s="24"/>
      <c r="H20" s="15" t="s">
        <v>25</v>
      </c>
      <c r="I20" s="15">
        <f>SUM(I19:I19)</f>
        <v>0</v>
      </c>
      <c r="J20" s="16"/>
      <c r="K20" s="16"/>
      <c r="L20" s="16"/>
      <c r="M20" s="16"/>
    </row>
    <row r="21" spans="2:13" ht="24">
      <c r="B21" s="22"/>
      <c r="C21" s="23"/>
      <c r="D21" s="23"/>
      <c r="E21" s="23"/>
      <c r="F21" s="23"/>
      <c r="G21" s="24"/>
      <c r="H21" s="17"/>
      <c r="I21" s="18"/>
      <c r="J21" s="19" t="s">
        <v>26</v>
      </c>
      <c r="K21" s="19">
        <f>SUM(K19:K20)</f>
        <v>0</v>
      </c>
      <c r="L21" s="20"/>
      <c r="M21" s="20"/>
    </row>
    <row r="22" spans="2:13" ht="24">
      <c r="B22" s="25"/>
      <c r="C22" s="26"/>
      <c r="D22" s="26"/>
      <c r="E22" s="26"/>
      <c r="F22" s="26"/>
      <c r="G22" s="27"/>
      <c r="H22" s="17"/>
      <c r="I22" s="20"/>
      <c r="J22" s="20"/>
      <c r="K22" s="20"/>
      <c r="L22" s="21" t="s">
        <v>27</v>
      </c>
      <c r="M22" s="21">
        <f>SUM(M19:M21)</f>
        <v>0</v>
      </c>
    </row>
    <row r="23" spans="2:13">
      <c r="B23" s="28" t="s">
        <v>28</v>
      </c>
      <c r="C23" s="29"/>
      <c r="D23" s="29"/>
      <c r="E23" s="29"/>
      <c r="F23" s="29"/>
      <c r="G23" s="29"/>
      <c r="H23" s="30"/>
      <c r="I23" s="34" t="s">
        <v>29</v>
      </c>
      <c r="J23" s="35"/>
      <c r="K23" s="35"/>
      <c r="L23" s="35"/>
      <c r="M23" s="36"/>
    </row>
    <row r="24" spans="2:13" ht="27.75" customHeight="1">
      <c r="B24" s="31"/>
      <c r="C24" s="32"/>
      <c r="D24" s="32"/>
      <c r="E24" s="32"/>
      <c r="F24" s="32"/>
      <c r="G24" s="32"/>
      <c r="H24" s="33"/>
      <c r="I24" s="37"/>
      <c r="J24" s="38"/>
      <c r="K24" s="38"/>
      <c r="L24" s="38"/>
      <c r="M24" s="39"/>
    </row>
    <row r="25" spans="2:13" ht="54.75" customHeight="1">
      <c r="B25" s="43" t="s">
        <v>30</v>
      </c>
      <c r="C25" s="44"/>
      <c r="D25" s="44"/>
      <c r="E25" s="44"/>
      <c r="F25" s="44"/>
      <c r="G25" s="44"/>
      <c r="H25" s="45"/>
      <c r="I25" s="40"/>
      <c r="J25" s="41"/>
      <c r="K25" s="41"/>
      <c r="L25" s="41"/>
      <c r="M25" s="42"/>
    </row>
    <row r="28" spans="2:13">
      <c r="B28" s="46" t="s">
        <v>31</v>
      </c>
      <c r="C28" s="47"/>
      <c r="D28" s="47"/>
      <c r="E28" s="47"/>
      <c r="F28" s="47"/>
      <c r="G28" s="47"/>
      <c r="H28" s="47"/>
      <c r="I28" s="48"/>
      <c r="J28" s="46" t="s">
        <v>0</v>
      </c>
      <c r="K28" s="47"/>
      <c r="L28" s="47"/>
      <c r="M28" s="48"/>
    </row>
    <row r="29" spans="2:13">
      <c r="B29" s="49"/>
      <c r="C29" s="50"/>
      <c r="D29" s="50"/>
      <c r="E29" s="50"/>
      <c r="F29" s="50"/>
      <c r="G29" s="50"/>
      <c r="H29" s="50"/>
      <c r="I29" s="51"/>
      <c r="J29" s="52"/>
      <c r="K29" s="53"/>
      <c r="L29" s="53"/>
      <c r="M29" s="54"/>
    </row>
    <row r="30" spans="2:13" ht="15.75" thickBot="1">
      <c r="B30" s="58" t="s">
        <v>1</v>
      </c>
      <c r="C30" s="59"/>
      <c r="D30" s="59"/>
      <c r="E30" s="59"/>
      <c r="F30" s="59"/>
      <c r="G30" s="59"/>
      <c r="H30" s="59"/>
      <c r="I30" s="60"/>
      <c r="J30" s="55"/>
      <c r="K30" s="56"/>
      <c r="L30" s="56"/>
      <c r="M30" s="57"/>
    </row>
    <row r="31" spans="2:13">
      <c r="B31" s="1"/>
      <c r="C31" s="2"/>
      <c r="D31" s="3" t="s">
        <v>2</v>
      </c>
      <c r="E31" s="3" t="s">
        <v>3</v>
      </c>
      <c r="F31" s="3" t="s">
        <v>4</v>
      </c>
      <c r="G31" s="3" t="s">
        <v>5</v>
      </c>
      <c r="H31" s="4" t="s">
        <v>6</v>
      </c>
      <c r="I31" s="5" t="s">
        <v>7</v>
      </c>
      <c r="J31" s="6" t="s">
        <v>8</v>
      </c>
      <c r="K31" s="3" t="s">
        <v>9</v>
      </c>
      <c r="L31" s="4" t="s">
        <v>10</v>
      </c>
      <c r="M31" s="5" t="s">
        <v>11</v>
      </c>
    </row>
    <row r="32" spans="2:13" ht="96">
      <c r="B32" s="7" t="s">
        <v>12</v>
      </c>
      <c r="C32" s="7" t="s">
        <v>13</v>
      </c>
      <c r="D32" s="8" t="s">
        <v>14</v>
      </c>
      <c r="E32" s="7" t="s">
        <v>15</v>
      </c>
      <c r="F32" s="7" t="s">
        <v>16</v>
      </c>
      <c r="G32" s="7" t="s">
        <v>17</v>
      </c>
      <c r="H32" s="7" t="s">
        <v>18</v>
      </c>
      <c r="I32" s="7" t="s">
        <v>19</v>
      </c>
      <c r="J32" s="7" t="s">
        <v>20</v>
      </c>
      <c r="K32" s="7" t="s">
        <v>21</v>
      </c>
      <c r="L32" s="7" t="s">
        <v>22</v>
      </c>
      <c r="M32" s="7" t="s">
        <v>23</v>
      </c>
    </row>
    <row r="33" spans="2:13" ht="38.25">
      <c r="B33" s="9" t="s">
        <v>24</v>
      </c>
      <c r="C33" s="10" t="s">
        <v>34</v>
      </c>
      <c r="D33" s="7"/>
      <c r="E33" s="7"/>
      <c r="F33" s="11" t="s">
        <v>35</v>
      </c>
      <c r="G33" s="12">
        <v>800</v>
      </c>
      <c r="H33" s="13"/>
      <c r="I33" s="13">
        <f>ROUND(G33*H33,2)</f>
        <v>0</v>
      </c>
      <c r="J33" s="14"/>
      <c r="K33" s="13">
        <f>ROUND(I33*J33,2)</f>
        <v>0</v>
      </c>
      <c r="L33" s="13">
        <f>ROUND(M33/G33,2)</f>
        <v>0</v>
      </c>
      <c r="M33" s="13">
        <f>ROUND(SUM(I33,K33),2)</f>
        <v>0</v>
      </c>
    </row>
    <row r="34" spans="2:13" ht="24">
      <c r="B34" s="22"/>
      <c r="C34" s="23"/>
      <c r="D34" s="23"/>
      <c r="E34" s="23"/>
      <c r="F34" s="23"/>
      <c r="G34" s="24"/>
      <c r="H34" s="15" t="s">
        <v>25</v>
      </c>
      <c r="I34" s="15">
        <f>SUM(I33:I33)</f>
        <v>0</v>
      </c>
      <c r="J34" s="16"/>
      <c r="K34" s="16"/>
      <c r="L34" s="16"/>
      <c r="M34" s="16"/>
    </row>
    <row r="35" spans="2:13" ht="24">
      <c r="B35" s="22"/>
      <c r="C35" s="23"/>
      <c r="D35" s="23"/>
      <c r="E35" s="23"/>
      <c r="F35" s="23"/>
      <c r="G35" s="24"/>
      <c r="H35" s="17"/>
      <c r="I35" s="18"/>
      <c r="J35" s="19" t="s">
        <v>26</v>
      </c>
      <c r="K35" s="19">
        <f>SUM(K33:K34)</f>
        <v>0</v>
      </c>
      <c r="L35" s="20"/>
      <c r="M35" s="20"/>
    </row>
    <row r="36" spans="2:13" ht="24">
      <c r="B36" s="25"/>
      <c r="C36" s="26"/>
      <c r="D36" s="26"/>
      <c r="E36" s="26"/>
      <c r="F36" s="26"/>
      <c r="G36" s="27"/>
      <c r="H36" s="17"/>
      <c r="I36" s="20"/>
      <c r="J36" s="20"/>
      <c r="K36" s="20"/>
      <c r="L36" s="21" t="s">
        <v>27</v>
      </c>
      <c r="M36" s="21">
        <f>SUM(M33:M35)</f>
        <v>0</v>
      </c>
    </row>
    <row r="37" spans="2:13" ht="36.75" customHeight="1">
      <c r="B37" s="28" t="s">
        <v>28</v>
      </c>
      <c r="C37" s="29"/>
      <c r="D37" s="29"/>
      <c r="E37" s="29"/>
      <c r="F37" s="29"/>
      <c r="G37" s="29"/>
      <c r="H37" s="30"/>
      <c r="I37" s="34" t="s">
        <v>29</v>
      </c>
      <c r="J37" s="35"/>
      <c r="K37" s="35"/>
      <c r="L37" s="35"/>
      <c r="M37" s="36"/>
    </row>
    <row r="38" spans="2:13">
      <c r="B38" s="31"/>
      <c r="C38" s="32"/>
      <c r="D38" s="32"/>
      <c r="E38" s="32"/>
      <c r="F38" s="32"/>
      <c r="G38" s="32"/>
      <c r="H38" s="33"/>
      <c r="I38" s="37"/>
      <c r="J38" s="38"/>
      <c r="K38" s="38"/>
      <c r="L38" s="38"/>
      <c r="M38" s="39"/>
    </row>
    <row r="39" spans="2:13" ht="57" customHeight="1">
      <c r="B39" s="43" t="s">
        <v>30</v>
      </c>
      <c r="C39" s="44"/>
      <c r="D39" s="44"/>
      <c r="E39" s="44"/>
      <c r="F39" s="44"/>
      <c r="G39" s="44"/>
      <c r="H39" s="45"/>
      <c r="I39" s="40"/>
      <c r="J39" s="41"/>
      <c r="K39" s="41"/>
      <c r="L39" s="41"/>
      <c r="M39" s="42"/>
    </row>
  </sheetData>
  <mergeCells count="21">
    <mergeCell ref="B14:I15"/>
    <mergeCell ref="J14:M16"/>
    <mergeCell ref="B16:I16"/>
    <mergeCell ref="B1:I2"/>
    <mergeCell ref="J1:M3"/>
    <mergeCell ref="B3:I3"/>
    <mergeCell ref="B7:G9"/>
    <mergeCell ref="B10:H11"/>
    <mergeCell ref="I10:M12"/>
    <mergeCell ref="B12:H12"/>
    <mergeCell ref="B34:G36"/>
    <mergeCell ref="B37:H38"/>
    <mergeCell ref="I37:M39"/>
    <mergeCell ref="B39:H39"/>
    <mergeCell ref="B20:G22"/>
    <mergeCell ref="B23:H24"/>
    <mergeCell ref="I23:M25"/>
    <mergeCell ref="B25:H25"/>
    <mergeCell ref="B28:I29"/>
    <mergeCell ref="J28:M30"/>
    <mergeCell ref="B30:I30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dcterms:created xsi:type="dcterms:W3CDTF">2015-06-05T18:19:34Z</dcterms:created>
  <dcterms:modified xsi:type="dcterms:W3CDTF">2023-08-01T05:57:00Z</dcterms:modified>
</cp:coreProperties>
</file>